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8"/>
  </p:notesMasterIdLst>
  <p:sldIdLst>
    <p:sldId id="343" r:id="rId2"/>
    <p:sldId id="352" r:id="rId3"/>
    <p:sldId id="348" r:id="rId4"/>
    <p:sldId id="353" r:id="rId5"/>
    <p:sldId id="354" r:id="rId6"/>
    <p:sldId id="351" r:id="rId7"/>
  </p:sldIdLst>
  <p:sldSz cx="12192000" cy="6858000"/>
  <p:notesSz cx="6858000" cy="9144000"/>
  <p:custDataLst>
    <p:tags r:id="rId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660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1031233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495884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6146899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hyperlink" Target="mailto:@hussein.shouman@nabadassociation.org" TargetMode="External"/><Relationship Id="rId3" Type="http://schemas.openxmlformats.org/officeDocument/2006/relationships/slideLayout" Target="../slideLayouts/slideLayout2.xml"/><Relationship Id="rId7" Type="http://schemas.openxmlformats.org/officeDocument/2006/relationships/hyperlink" Target="mailto:@mohamad.hawi@nabadassociation.org" TargetMode="Externa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10" Type="http://schemas.openxmlformats.org/officeDocument/2006/relationships/hyperlink" Target="https://ee-eu.kobotoolbox.org/x/aidAFQvS" TargetMode="External"/><Relationship Id="rId4" Type="http://schemas.openxmlformats.org/officeDocument/2006/relationships/notesSlide" Target="../notesSlides/notesSlide2.xml"/><Relationship Id="rId9" Type="http://schemas.openxmlformats.org/officeDocument/2006/relationships/hyperlink" Target="mailto:@naji.rifai@nabadassociation.org" TargetMode="Externa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+961%2079%20111%20538" TargetMode="Externa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0','_parent');" TargetMode="Externa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813987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porting Mechanism</a:t>
            </a: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562972" y="3211249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ow to repor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02714" y="734518"/>
            <a:ext cx="7571022" cy="5271426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porting mechanisms at NABAD:</a:t>
            </a: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- For staff:</a:t>
            </a: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    A. Focal points:</a:t>
            </a: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	- Mohamad Hawi reachable at 	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7"/>
              </a:rPr>
              <a:t>@mohamad.hawi@nabadassociation.org 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	- Hussein Shouman reachable at 	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8"/>
              </a:rPr>
              <a:t>@hussein.shouman@nabadassociation.org 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	- </a:t>
            </a:r>
            <a:r>
              <a:rPr lang="en-US" sz="2400" dirty="0" err="1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aji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Rifai reachable at 	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9"/>
              </a:rPr>
              <a:t>@naji.rifai@nabadassociation.org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lvl="1"/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. Anonymous reporting mechanism: </a:t>
            </a:r>
          </a:p>
          <a:p>
            <a:pPr lvl="1"/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	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10"/>
              </a:rPr>
              <a:t>https://ee-eu.kobotoolbox.org/x/aidAFQvS 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371772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854440" y="1982449"/>
            <a:ext cx="4691922" cy="221326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or beneficiaries: </a:t>
            </a:r>
          </a:p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elpline: </a:t>
            </a:r>
            <a:r>
              <a:rPr lang="en-US" sz="2800" dirty="0" err="1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akallam</a:t>
            </a: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:</a:t>
            </a:r>
          </a:p>
          <a:p>
            <a:pPr algn="ctr"/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</a:t>
            </a: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  <a:hlinkClick r:id="rId7" action="ppaction://hlinkfile"/>
              </a:rPr>
              <a:t>+961 79 111 538</a:t>
            </a:r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50759" y="935182"/>
            <a:ext cx="7186559" cy="52474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efore proceeding, it is very </a:t>
            </a: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mportant to </a:t>
            </a:r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understand the difference between reporting and referral.</a:t>
            </a:r>
          </a:p>
          <a:p>
            <a:endParaRPr lang="en-US" sz="28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porting: Informing the organization when a misconduct is done by an aid worker</a:t>
            </a:r>
            <a:r>
              <a:rPr lang="en-US" sz="28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</a:p>
          <a:p>
            <a:endParaRPr lang="en-US" sz="2800" dirty="0" smtClean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ote: We report with or without the details of the survivor based on his/her preferenc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691219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5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0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2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3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740396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ORM_PASSING_SCORE" val="80.000000"/>
  <p:tag name="ISPRING_ULTRA_SCORM_COURCE_TITLE" val="report_mechanism"/>
  <p:tag name="ISPRING_PRESENTATION_TITLE" val="report_mechanism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RESOURCE_FOLDER" val="C:\Users\hp\Desktop\Projects\remove large files\Nabad\safeguarding\en\lessons\report_mechanism_1\"/>
  <p:tag name="ISPRING_RESOURCE_FOLDER_STATIC" val="C:\Users\hp\Desktop\Projects\remove large files\Nabad\safeguarding\en\lessons\report_mechanism_1\"/>
  <p:tag name="ISPRING_PRESENTATION_PATH" val="C:\Users\hp\Desktop\Projects\remove large files\Nabad\safeguarding\en\lessons\report_mechanism.pptx"/>
  <p:tag name="ISPRING_SCREEN_RECS_UPDATED" val="C:\Users\hp\Desktop\Projects\remove large files\Nabad\safeguarding\en\lessons\report_mechanism_1\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GENSWF_SLIDE_UID" val="{6147B98F-14E5-4C63-995B-CE80790F0287}:354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FULL_PATH" val="C:\Users\hp\Desktop\Projects\remove large files\Nabad\safeguarding\en\lessons\report_mechanism_1\quiz\quiz3.quiz"/>
  <p:tag name="ISPRING_QUIZ_RELATIVE_PATH" val="report_mechanism_1\quiz\quiz3.quiz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0E943B07-3DCD-44BF-8FA7-D50F0E1997EF}:352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70390766-1372-402E-AAC3-34CEF4DA18B8}:353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9009</TotalTime>
  <Words>100</Words>
  <Application>Microsoft Office PowerPoint</Application>
  <PresentationFormat>Widescreen</PresentationFormat>
  <Paragraphs>28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3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report_mechanism</dc:title>
  <dc:creator>pc</dc:creator>
  <cp:lastModifiedBy>Maher</cp:lastModifiedBy>
  <cp:revision>805</cp:revision>
  <dcterms:created xsi:type="dcterms:W3CDTF">2022-11-16T16:05:09Z</dcterms:created>
  <dcterms:modified xsi:type="dcterms:W3CDTF">2024-09-22T15:37:47Z</dcterms:modified>
</cp:coreProperties>
</file>